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7" r:id="rId2"/>
    <p:sldId id="256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77" d="100"/>
          <a:sy n="77" d="100"/>
        </p:scale>
        <p:origin x="1229" y="62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Book1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pieChart>
        <c:varyColors val="1"/>
        <c:ser>
          <c:idx val="0"/>
          <c:order val="0"/>
          <c:dPt>
            <c:idx val="0"/>
            <c:bubble3D val="0"/>
            <c:spPr>
              <a:solidFill>
                <a:schemeClr val="accent1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9E37-495F-83C4-FA10800A5B39}"/>
              </c:ext>
            </c:extLst>
          </c:dPt>
          <c:dPt>
            <c:idx val="1"/>
            <c:bubble3D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9E37-495F-83C4-FA10800A5B39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9E37-495F-83C4-FA10800A5B39}"/>
              </c:ext>
            </c:extLst>
          </c:dPt>
          <c:dLbls>
            <c:spPr>
              <a:solidFill>
                <a:sysClr val="window" lastClr="FFFFFF"/>
              </a:solidFill>
              <a:ln>
                <a:solidFill>
                  <a:sysClr val="windowText" lastClr="000000">
                    <a:lumMod val="25000"/>
                    <a:lumOff val="75000"/>
                  </a:sysClr>
                </a:solidFill>
              </a:ln>
              <a:effectLst/>
            </c:spPr>
            <c:txPr>
              <a:bodyPr rot="0" spcFirstLastPara="1" vertOverflow="clip" horzOverflow="clip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dk1">
                        <a:lumMod val="65000"/>
                        <a:lumOff val="3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0"/>
            <c:showCatName val="1"/>
            <c:showSerName val="0"/>
            <c:showPercent val="1"/>
            <c:showBubbleSize val="0"/>
            <c:showLeaderLines val="0"/>
            <c:extLst>
              <c:ext xmlns:c15="http://schemas.microsoft.com/office/drawing/2012/chart" uri="{CE6537A1-D6FC-4f65-9D91-7224C49458BB}">
                <c15:spPr xmlns:c15="http://schemas.microsoft.com/office/drawing/2012/chart">
                  <a:prstGeom prst="wedgeRectCallout">
                    <a:avLst/>
                  </a:prstGeom>
                  <a:noFill/>
                  <a:ln>
                    <a:noFill/>
                  </a:ln>
                </c15:spPr>
              </c:ext>
            </c:extLst>
          </c:dLbls>
          <c:cat>
            <c:strRef>
              <c:f>Sheet1!$C$3:$C$5</c:f>
              <c:strCache>
                <c:ptCount val="3"/>
                <c:pt idx="0">
                  <c:v>Happy Family</c:v>
                </c:pt>
                <c:pt idx="1">
                  <c:v>Hour Family</c:v>
                </c:pt>
                <c:pt idx="2">
                  <c:v>Co Family</c:v>
                </c:pt>
              </c:strCache>
            </c:strRef>
          </c:cat>
          <c:val>
            <c:numRef>
              <c:f>Sheet1!$D$3:$D$5</c:f>
              <c:numCache>
                <c:formatCode>0%</c:formatCode>
                <c:ptCount val="3"/>
                <c:pt idx="0">
                  <c:v>0.6</c:v>
                </c:pt>
                <c:pt idx="1">
                  <c:v>0.2</c:v>
                </c:pt>
                <c:pt idx="2">
                  <c:v>0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9E37-495F-83C4-FA10800A5B3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0"/>
        </c:dLbls>
        <c:firstSliceAng val="0"/>
      </c:pieChart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4" Type="http://schemas.openxmlformats.org/officeDocument/2006/relationships/image" Target="../media/image1.tmp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tags" Target="../tags/tag14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1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r>
              <a:rPr lang="en-AU" dirty="0"/>
              <a:t>Michael Ishak – Virtual Intern at JP Morgan’s M&amp;A team</a:t>
            </a:r>
          </a:p>
        </p:txBody>
      </p:sp>
      <p:grpSp>
        <p:nvGrpSpPr>
          <p:cNvPr id="10" name="Group 9"/>
          <p:cNvGrpSpPr/>
          <p:nvPr/>
        </p:nvGrpSpPr>
        <p:grpSpPr>
          <a:xfrm>
            <a:off x="795528" y="1930863"/>
            <a:ext cx="703334" cy="703334"/>
            <a:chOff x="7791881" y="273464"/>
            <a:chExt cx="864014" cy="864014"/>
          </a:xfrm>
        </p:grpSpPr>
        <p:grpSp>
          <p:nvGrpSpPr>
            <p:cNvPr id="11" name="Group 10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21" name="Isosceles Triangle 20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2" name="Isosceles Triangle 21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12" name="Group 11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14" name="Rectangle 13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15" name="Rectangle 14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16" name="Rectangle 15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17" name="Group 16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18" name="Rectangle 17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19" name="Rectangle 18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20" name="Rectangle 19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13" name="Oval 12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26" name="Rectangle 25"/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8302752" y="6821424"/>
            <a:ext cx="1591056" cy="32004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  <p:sp>
        <p:nvSpPr>
          <p:cNvPr id="23" name="Title 22"/>
          <p:cNvSpPr>
            <a:spLocks noGrp="1"/>
          </p:cNvSpPr>
          <p:nvPr>
            <p:ph type="title" idx="10"/>
          </p:nvPr>
        </p:nvSpPr>
        <p:spPr>
          <a:xfrm>
            <a:off x="795528" y="2858143"/>
            <a:ext cx="9107424" cy="406265"/>
          </a:xfrm>
        </p:spPr>
        <p:txBody>
          <a:bodyPr/>
          <a:lstStyle/>
          <a:p>
            <a:r>
              <a:rPr lang="en-AU"/>
              <a:t>HappyHour Co.</a:t>
            </a:r>
          </a:p>
        </p:txBody>
      </p:sp>
      <p:sp>
        <p:nvSpPr>
          <p:cNvPr id="24" name="Subtitle 23"/>
          <p:cNvSpPr>
            <a:spLocks noGrp="1"/>
          </p:cNvSpPr>
          <p:nvPr>
            <p:ph type="subTitle" idx="11"/>
          </p:nvPr>
        </p:nvSpPr>
        <p:spPr>
          <a:xfrm>
            <a:off x="795528" y="3493008"/>
            <a:ext cx="1412246" cy="365760"/>
          </a:xfrm>
        </p:spPr>
        <p:txBody>
          <a:bodyPr wrap="none">
            <a:noAutofit/>
          </a:bodyPr>
          <a:lstStyle/>
          <a:p>
            <a:r>
              <a:rPr lang="en-AU"/>
              <a:t>Company profile</a:t>
            </a:r>
          </a:p>
        </p:txBody>
      </p:sp>
      <p:sp>
        <p:nvSpPr>
          <p:cNvPr id="25" name="CoverPageDateText"/>
          <p:cNvSpPr>
            <a:spLocks noGrp="1"/>
          </p:cNvSpPr>
          <p:nvPr>
            <p:ph type="body" sz="quarter" idx="13"/>
          </p:nvPr>
        </p:nvSpPr>
        <p:spPr>
          <a:xfrm>
            <a:off x="2309374" y="3493008"/>
            <a:ext cx="3008376" cy="365760"/>
          </a:xfrm>
        </p:spPr>
        <p:txBody>
          <a:bodyPr/>
          <a:lstStyle/>
          <a:p>
            <a:r>
              <a:rPr lang="en-AU" dirty="0"/>
              <a:t>March 2020</a:t>
            </a:r>
          </a:p>
        </p:txBody>
      </p:sp>
      <p:sp>
        <p:nvSpPr>
          <p:cNvPr id="27" name="SubtitleDataPipeTag"/>
          <p:cNvSpPr txBox="1"/>
          <p:nvPr/>
        </p:nvSpPr>
        <p:spPr>
          <a:xfrm>
            <a:off x="2207774" y="3493008"/>
            <a:ext cx="101600" cy="295466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1400" b="1" i="0" dirty="0">
                <a:solidFill>
                  <a:schemeClr val="bg2"/>
                </a:solidFill>
                <a:latin typeface="Arial"/>
              </a:rPr>
              <a:t>|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84837593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AU" sz="1400" dirty="0"/>
              <a:t>Largest producer of beer, spirits and non-alcoholic drinks in Malaysia &amp; Singapore: expanding current operations</a:t>
            </a:r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92808"/>
            <a:ext cx="4279392" cy="2267712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Asia-based producer and marketer of beer, spirits, and non-alcoholic beverages.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Operations include the manufacturing, distribution and direct sales in Singapore (Headquarters are here), Malaysia (manufacturing in Malaysia is outsourced to Brew Co.), and China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Recently expanded operations to China and plans to expand into Cambodia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Majority share-holder and owner/co-founder Ms. Happy seeks to exit their stakes with no close family to inherit their side of the business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Strategic Benefits: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Largest Beer and Spirits producer in Singapore and Malaysia whilst also being the largest non-alcoholic beverages producer in Malaysia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Strong supply chain with strong links to distributors.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41605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23561" y="4556304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9" y="6733625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 Task 2 - Notes on </a:t>
            </a:r>
            <a:r>
              <a:rPr lang="en-AU" sz="800" dirty="0" err="1">
                <a:solidFill>
                  <a:schemeClr val="tx2"/>
                </a:solidFill>
                <a:latin typeface="Arial" panose="020B0604020202020204" pitchFamily="34" charset="0"/>
              </a:rPr>
              <a:t>HappyHour</a:t>
            </a: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 Co v3.docx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26" name="Chart 25">
            <a:extLst>
              <a:ext uri="{FF2B5EF4-FFF2-40B4-BE49-F238E27FC236}">
                <a16:creationId xmlns:a16="http://schemas.microsoft.com/office/drawing/2014/main" id="{D1D47B75-19DC-41F9-8455-E0248BFB9BA7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175180714"/>
              </p:ext>
            </p:extLst>
          </p:nvPr>
        </p:nvGraphicFramePr>
        <p:xfrm>
          <a:off x="1152740" y="4451895"/>
          <a:ext cx="3564967" cy="223845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1BEFF7DE-AD2A-4BDD-96EA-5030633B71F6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713667999"/>
              </p:ext>
            </p:extLst>
          </p:nvPr>
        </p:nvGraphicFramePr>
        <p:xfrm>
          <a:off x="5623560" y="1936086"/>
          <a:ext cx="4279394" cy="252983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905422">
                  <a:extLst>
                    <a:ext uri="{9D8B030D-6E8A-4147-A177-3AD203B41FA5}">
                      <a16:colId xmlns:a16="http://schemas.microsoft.com/office/drawing/2014/main" val="832236669"/>
                    </a:ext>
                  </a:extLst>
                </a:gridCol>
                <a:gridCol w="791324">
                  <a:extLst>
                    <a:ext uri="{9D8B030D-6E8A-4147-A177-3AD203B41FA5}">
                      <a16:colId xmlns:a16="http://schemas.microsoft.com/office/drawing/2014/main" val="393315885"/>
                    </a:ext>
                  </a:extLst>
                </a:gridCol>
                <a:gridCol w="791324">
                  <a:extLst>
                    <a:ext uri="{9D8B030D-6E8A-4147-A177-3AD203B41FA5}">
                      <a16:colId xmlns:a16="http://schemas.microsoft.com/office/drawing/2014/main" val="2653933607"/>
                    </a:ext>
                  </a:extLst>
                </a:gridCol>
                <a:gridCol w="791324">
                  <a:extLst>
                    <a:ext uri="{9D8B030D-6E8A-4147-A177-3AD203B41FA5}">
                      <a16:colId xmlns:a16="http://schemas.microsoft.com/office/drawing/2014/main" val="762336294"/>
                    </a:ext>
                  </a:extLst>
                </a:gridCol>
              </a:tblGrid>
              <a:tr h="185744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 err="1">
                          <a:effectLst/>
                        </a:rPr>
                        <a:t>US$mm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</a:rPr>
                        <a:t>FY18A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</a:rPr>
                        <a:t>FY19A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</a:rPr>
                        <a:t>FY20E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762351684"/>
                  </a:ext>
                </a:extLst>
              </a:tr>
              <a:tr h="185744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>
                          <a:effectLst/>
                        </a:rPr>
                        <a:t>Revenue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900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961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1071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252810622"/>
                  </a:ext>
                </a:extLst>
              </a:tr>
              <a:tr h="185744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i="1" u="none" strike="noStrike" dirty="0">
                          <a:effectLst/>
                        </a:rPr>
                        <a:t>Growth (%, ref = FY18)</a:t>
                      </a:r>
                      <a:endParaRPr lang="en-GB" sz="110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0.00%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6.78%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11.45%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522722380"/>
                  </a:ext>
                </a:extLst>
              </a:tr>
              <a:tr h="185744"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819426059"/>
                  </a:ext>
                </a:extLst>
              </a:tr>
              <a:tr h="185744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 dirty="0">
                          <a:effectLst/>
                        </a:rPr>
                        <a:t>Beer</a:t>
                      </a:r>
                      <a:endParaRPr lang="en-GB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100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110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135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016356310"/>
                  </a:ext>
                </a:extLst>
              </a:tr>
              <a:tr h="185744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>
                          <a:effectLst/>
                        </a:rPr>
                        <a:t>Spirits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75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85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105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4086542618"/>
                  </a:ext>
                </a:extLst>
              </a:tr>
              <a:tr h="185744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>
                          <a:effectLst/>
                        </a:rPr>
                        <a:t>Non-alcohic beverages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50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55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60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458748761"/>
                  </a:ext>
                </a:extLst>
              </a:tr>
              <a:tr h="185744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</a:rPr>
                        <a:t>EBITDA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 dirty="0">
                          <a:effectLst/>
                        </a:rPr>
                        <a:t>225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 dirty="0">
                          <a:effectLst/>
                        </a:rPr>
                        <a:t>250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 dirty="0">
                          <a:effectLst/>
                        </a:rPr>
                        <a:t>300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708956223"/>
                  </a:ext>
                </a:extLst>
              </a:tr>
              <a:tr h="336196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 dirty="0">
                          <a:effectLst/>
                        </a:rPr>
                        <a:t>Margin (%, EBITDA/Revenue)</a:t>
                      </a:r>
                      <a:endParaRPr lang="en-GB" sz="110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25.00%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26.01%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28.01%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920336246"/>
                  </a:ext>
                </a:extLst>
              </a:tr>
              <a:tr h="185744"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108540366"/>
                  </a:ext>
                </a:extLst>
              </a:tr>
              <a:tr h="185744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</a:rPr>
                        <a:t>NPAT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135</a:t>
                      </a:r>
                      <a:endParaRPr lang="en-GB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153</a:t>
                      </a:r>
                      <a:endParaRPr lang="en-GB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193</a:t>
                      </a:r>
                      <a:endParaRPr lang="en-GB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859957445"/>
                  </a:ext>
                </a:extLst>
              </a:tr>
              <a:tr h="336196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 dirty="0">
                          <a:effectLst/>
                        </a:rPr>
                        <a:t>Margin (%, NPAT/Revenue)</a:t>
                      </a:r>
                      <a:endParaRPr lang="en-GB" sz="110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15.00%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15.92%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 dirty="0">
                          <a:effectLst/>
                        </a:rPr>
                        <a:t>18.02%</a:t>
                      </a:r>
                      <a:endParaRPr lang="en-GB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483587367"/>
                  </a:ext>
                </a:extLst>
              </a:tr>
            </a:tbl>
          </a:graphicData>
        </a:graphic>
      </p:graphicFrame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4D0C9BC7-597F-4685-8B45-CA05187E098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944597182"/>
              </p:ext>
            </p:extLst>
          </p:nvPr>
        </p:nvGraphicFramePr>
        <p:xfrm>
          <a:off x="5623558" y="4964098"/>
          <a:ext cx="4279396" cy="1483186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905424">
                  <a:extLst>
                    <a:ext uri="{9D8B030D-6E8A-4147-A177-3AD203B41FA5}">
                      <a16:colId xmlns:a16="http://schemas.microsoft.com/office/drawing/2014/main" val="857126834"/>
                    </a:ext>
                  </a:extLst>
                </a:gridCol>
                <a:gridCol w="791324">
                  <a:extLst>
                    <a:ext uri="{9D8B030D-6E8A-4147-A177-3AD203B41FA5}">
                      <a16:colId xmlns:a16="http://schemas.microsoft.com/office/drawing/2014/main" val="3751468313"/>
                    </a:ext>
                  </a:extLst>
                </a:gridCol>
                <a:gridCol w="791324">
                  <a:extLst>
                    <a:ext uri="{9D8B030D-6E8A-4147-A177-3AD203B41FA5}">
                      <a16:colId xmlns:a16="http://schemas.microsoft.com/office/drawing/2014/main" val="177110224"/>
                    </a:ext>
                  </a:extLst>
                </a:gridCol>
                <a:gridCol w="791324">
                  <a:extLst>
                    <a:ext uri="{9D8B030D-6E8A-4147-A177-3AD203B41FA5}">
                      <a16:colId xmlns:a16="http://schemas.microsoft.com/office/drawing/2014/main" val="175356294"/>
                    </a:ext>
                  </a:extLst>
                </a:gridCol>
              </a:tblGrid>
              <a:tr h="194644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>
                          <a:effectLst/>
                        </a:rPr>
                        <a:t>US$mm</a:t>
                      </a:r>
                      <a:endParaRPr lang="en-GB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265108375"/>
                  </a:ext>
                </a:extLst>
              </a:tr>
              <a:tr h="194644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>
                          <a:effectLst/>
                        </a:rPr>
                        <a:t>2020E EBITDA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300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552752274"/>
                  </a:ext>
                </a:extLst>
              </a:tr>
              <a:tr h="194644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>
                          <a:effectLst/>
                        </a:rPr>
                        <a:t>Growth (%)</a:t>
                      </a:r>
                      <a:endParaRPr lang="en-GB" sz="1100" b="0" i="1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100" u="none" strike="noStrike">
                          <a:effectLst/>
                        </a:rPr>
                        <a:t>20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636787013"/>
                  </a:ext>
                </a:extLst>
              </a:tr>
              <a:tr h="194644"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772279651"/>
                  </a:ext>
                </a:extLst>
              </a:tr>
              <a:tr h="352305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>
                          <a:effectLst/>
                        </a:rPr>
                        <a:t>EBITDA Multiple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>
                          <a:effectLst/>
                        </a:rPr>
                        <a:t>10.0x - 11.5x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047449229"/>
                  </a:ext>
                </a:extLst>
              </a:tr>
              <a:tr h="352305"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>
                          <a:effectLst/>
                        </a:rPr>
                        <a:t>Valuation Range</a:t>
                      </a:r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GB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u="none" strike="noStrike" dirty="0">
                          <a:effectLst/>
                        </a:rPr>
                        <a:t>3,000 - 3,500</a:t>
                      </a:r>
                      <a:endParaRPr lang="en-GB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420032974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26</TotalTime>
  <Words>257</Words>
  <Application>Microsoft Office PowerPoint</Application>
  <PresentationFormat>Custom</PresentationFormat>
  <Paragraphs>69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Arial Narrow</vt:lpstr>
      <vt:lpstr>Calibri</vt:lpstr>
      <vt:lpstr>Wingdings</vt:lpstr>
      <vt:lpstr>PP+ UnifiedGIB - A4</vt:lpstr>
      <vt:lpstr>HappyHour Co.</vt:lpstr>
      <vt:lpstr>HappyHour Co.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Michael Ishak</cp:lastModifiedBy>
  <cp:revision>25</cp:revision>
  <dcterms:created xsi:type="dcterms:W3CDTF">2020-04-17T12:29:06Z</dcterms:created>
  <dcterms:modified xsi:type="dcterms:W3CDTF">2022-08-01T17:02:28Z</dcterms:modified>
</cp:coreProperties>
</file>